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um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symbool, embleem&#10;&#10;Automatisch gegenereerde beschrijving">
            <a:extLst>
              <a:ext uri="{FF2B5EF4-FFF2-40B4-BE49-F238E27FC236}">
                <a16:creationId xmlns:a16="http://schemas.microsoft.com/office/drawing/2014/main" id="{4D737561-3D8D-3D42-AE9C-EA84E931CDC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4798" y="4692206"/>
            <a:ext cx="1927495" cy="195062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symbool, embleem&#10;&#10;Automatisch gegenereerde beschrijving">
            <a:extLst>
              <a:ext uri="{FF2B5EF4-FFF2-40B4-BE49-F238E27FC236}">
                <a16:creationId xmlns:a16="http://schemas.microsoft.com/office/drawing/2014/main" id="{8545B580-41B6-536C-F7F4-9A4263314A9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2575" y="3822842"/>
            <a:ext cx="1444871"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5-07T14:47:17Z</dcterms:modified>
</cp:coreProperties>
</file>